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4\HP2104\"/>
    </mc:Choice>
  </mc:AlternateContent>
  <bookViews>
    <workbookView xWindow="0" yWindow="0" windowWidth="23016" windowHeight="8352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6"/>
  <sheetViews>
    <sheetView tabSelected="1" zoomScaleNormal="100" workbookViewId="0">
      <selection activeCell="M1" sqref="M1:W1"/>
    </sheetView>
  </sheetViews>
  <sheetFormatPr defaultColWidth="0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4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379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2934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1395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1539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ht="20.100000000000001" customHeight="1" x14ac:dyDescent="0.2">
      <c r="A23" s="54">
        <v>6</v>
      </c>
      <c r="B23" s="55"/>
      <c r="C23" s="55"/>
      <c r="D23" s="56">
        <v>0</v>
      </c>
      <c r="E23" s="55"/>
      <c r="F23" s="55"/>
      <c r="G23" s="56">
        <v>0</v>
      </c>
      <c r="H23" s="56">
        <v>0</v>
      </c>
      <c r="I23" s="55"/>
      <c r="J23" s="55"/>
      <c r="K23" s="55"/>
      <c r="L23" s="56">
        <v>0</v>
      </c>
      <c r="M23" s="55"/>
      <c r="N23" s="55"/>
      <c r="O23" s="55"/>
      <c r="P23" s="56">
        <v>0</v>
      </c>
      <c r="Q23" s="56">
        <v>0</v>
      </c>
      <c r="R23" s="55"/>
      <c r="S23" s="55"/>
      <c r="T23" s="55"/>
      <c r="U23" s="56">
        <v>0</v>
      </c>
      <c r="V23" s="55"/>
      <c r="W23" s="55"/>
      <c r="X23" s="55"/>
      <c r="Y23" s="56">
        <v>0</v>
      </c>
      <c r="Z23" s="56">
        <v>0</v>
      </c>
      <c r="AA23" s="56">
        <v>0</v>
      </c>
      <c r="AB23" s="56">
        <v>0</v>
      </c>
      <c r="AC23" s="57" t="s">
        <v>29</v>
      </c>
      <c r="AD23" s="57" t="s">
        <v>29</v>
      </c>
      <c r="AE23" s="57" t="s">
        <v>29</v>
      </c>
      <c r="AF23" s="58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419</v>
      </c>
      <c r="C30" s="68">
        <v>432</v>
      </c>
      <c r="D30" s="68">
        <v>851</v>
      </c>
      <c r="E30" s="68">
        <v>923</v>
      </c>
      <c r="F30" s="68">
        <v>909</v>
      </c>
      <c r="G30" s="68">
        <v>1832</v>
      </c>
      <c r="H30" s="68">
        <v>-981</v>
      </c>
      <c r="I30" s="68">
        <v>1704</v>
      </c>
      <c r="J30" s="68">
        <v>692</v>
      </c>
      <c r="K30" s="68">
        <v>674</v>
      </c>
      <c r="L30" s="68">
        <v>1366</v>
      </c>
      <c r="M30" s="68">
        <v>2608</v>
      </c>
      <c r="N30" s="68">
        <v>2346</v>
      </c>
      <c r="O30" s="68">
        <v>1546</v>
      </c>
      <c r="P30" s="68">
        <v>3892</v>
      </c>
      <c r="Q30" s="68">
        <v>5258</v>
      </c>
      <c r="R30" s="68">
        <v>1677</v>
      </c>
      <c r="S30" s="68">
        <v>681</v>
      </c>
      <c r="T30" s="68">
        <v>614</v>
      </c>
      <c r="U30" s="68">
        <v>1295</v>
      </c>
      <c r="V30" s="68">
        <v>1892</v>
      </c>
      <c r="W30" s="68">
        <v>2355</v>
      </c>
      <c r="X30" s="68">
        <v>1795</v>
      </c>
      <c r="Y30" s="68">
        <v>4150</v>
      </c>
      <c r="Z30" s="68">
        <v>5445</v>
      </c>
      <c r="AA30" s="68">
        <v>-187</v>
      </c>
      <c r="AB30" s="68">
        <v>-1168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 t="s">
        <v>29</v>
      </c>
      <c r="AH38" s="75" t="s">
        <v>29</v>
      </c>
      <c r="AI38" s="75" t="s">
        <v>29</v>
      </c>
      <c r="AJ38" s="75">
        <v>0</v>
      </c>
    </row>
    <row r="39" spans="2:36" hidden="1" x14ac:dyDescent="0.2">
      <c r="AF39" s="74">
        <v>6</v>
      </c>
      <c r="AG39" s="75" t="s">
        <v>29</v>
      </c>
      <c r="AH39" s="75" t="s">
        <v>29</v>
      </c>
      <c r="AI39" s="75" t="s">
        <v>29</v>
      </c>
      <c r="AJ39" s="75">
        <v>0</v>
      </c>
    </row>
    <row r="40" spans="2:36" hidden="1" x14ac:dyDescent="0.2">
      <c r="AF40" s="74">
        <v>7</v>
      </c>
      <c r="AG40" s="75" t="s">
        <v>29</v>
      </c>
      <c r="AH40" s="75" t="s">
        <v>29</v>
      </c>
      <c r="AI40" s="75" t="s">
        <v>29</v>
      </c>
      <c r="AJ40" s="75">
        <v>0</v>
      </c>
    </row>
    <row r="41" spans="2:36" hidden="1" x14ac:dyDescent="0.2">
      <c r="AF41" s="74">
        <v>8</v>
      </c>
      <c r="AG41" s="75" t="s">
        <v>29</v>
      </c>
      <c r="AH41" s="75" t="s">
        <v>29</v>
      </c>
      <c r="AI41" s="75" t="s">
        <v>29</v>
      </c>
      <c r="AJ41" s="75">
        <v>0</v>
      </c>
    </row>
    <row r="42" spans="2:36" hidden="1" x14ac:dyDescent="0.2">
      <c r="AF42" s="74">
        <v>9</v>
      </c>
      <c r="AG42" s="75" t="s">
        <v>29</v>
      </c>
      <c r="AH42" s="75" t="s">
        <v>29</v>
      </c>
      <c r="AI42" s="75" t="s">
        <v>29</v>
      </c>
      <c r="AJ42" s="75">
        <v>0</v>
      </c>
    </row>
    <row r="43" spans="2:36" hidden="1" x14ac:dyDescent="0.2">
      <c r="AF43" s="74">
        <v>10</v>
      </c>
      <c r="AG43" s="75" t="s">
        <v>29</v>
      </c>
      <c r="AH43" s="75" t="s">
        <v>29</v>
      </c>
      <c r="AI43" s="75" t="s">
        <v>29</v>
      </c>
      <c r="AJ43" s="75">
        <v>0</v>
      </c>
    </row>
    <row r="44" spans="2:36" hidden="1" x14ac:dyDescent="0.2">
      <c r="AF44" s="74">
        <v>11</v>
      </c>
      <c r="AG44" s="75" t="s">
        <v>29</v>
      </c>
      <c r="AH44" s="75" t="s">
        <v>29</v>
      </c>
      <c r="AI44" s="75" t="s">
        <v>29</v>
      </c>
      <c r="AJ44" s="75">
        <v>0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  <row r="46" spans="2:36" hidden="1" x14ac:dyDescent="0.2"/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5-06T11:33:12Z</dcterms:created>
  <dcterms:modified xsi:type="dcterms:W3CDTF">2021-05-06T11:33:14Z</dcterms:modified>
</cp:coreProperties>
</file>